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23"/>
  </p:notesMasterIdLst>
  <p:handoutMasterIdLst>
    <p:handoutMasterId r:id="rId24"/>
  </p:handoutMasterIdLst>
  <p:sldIdLst>
    <p:sldId id="261" r:id="rId13"/>
    <p:sldId id="268" r:id="rId14"/>
    <p:sldId id="269" r:id="rId15"/>
    <p:sldId id="270" r:id="rId16"/>
    <p:sldId id="271" r:id="rId17"/>
    <p:sldId id="272" r:id="rId18"/>
    <p:sldId id="273" r:id="rId19"/>
    <p:sldId id="262" r:id="rId20"/>
    <p:sldId id="263" r:id="rId21"/>
    <p:sldId id="266" r:id="rId22"/>
  </p:sldIdLst>
  <p:sldSz cx="12190413" cy="6858000"/>
  <p:notesSz cx="6858000" cy="9144000"/>
  <p:custDataLst>
    <p:tags r:id="rId2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737"/>
    <a:srgbClr val="F7BCB3"/>
    <a:srgbClr val="FC7634"/>
    <a:srgbClr val="F6D04D"/>
    <a:srgbClr val="171748"/>
    <a:srgbClr val="1FD082"/>
    <a:srgbClr val="2F3EEA"/>
    <a:srgbClr val="FFFFFF"/>
    <a:srgbClr val="99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F1C2850-5176-4A04-82CA-2D51DA803302}" v="54" dt="2021-09-05T12:48:44.758"/>
  </p1510:revLst>
</p1510:revInfo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5488" autoAdjust="0"/>
  </p:normalViewPr>
  <p:slideViewPr>
    <p:cSldViewPr showGuides="1">
      <p:cViewPr varScale="1">
        <p:scale>
          <a:sx n="83" d="100"/>
          <a:sy n="83" d="100"/>
        </p:scale>
        <p:origin x="595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notesMaster" Target="notesMasters/notesMaster1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viewProps" Target="viewProps.xml"/><Relationship Id="rId30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Nils Gaukroger" userId="727388e5a8f27050" providerId="LiveId" clId="{9F1C2850-5176-4A04-82CA-2D51DA803302}"/>
    <pc:docChg chg="custSel addSld delSld modSld">
      <pc:chgData name="Nils Gaukroger" userId="727388e5a8f27050" providerId="LiveId" clId="{9F1C2850-5176-4A04-82CA-2D51DA803302}" dt="2021-09-05T12:52:51.581" v="774" actId="20577"/>
      <pc:docMkLst>
        <pc:docMk/>
      </pc:docMkLst>
      <pc:sldChg chg="modSp mod">
        <pc:chgData name="Nils Gaukroger" userId="727388e5a8f27050" providerId="LiveId" clId="{9F1C2850-5176-4A04-82CA-2D51DA803302}" dt="2021-09-05T12:27:07.687" v="30" actId="20577"/>
        <pc:sldMkLst>
          <pc:docMk/>
          <pc:sldMk cId="2773662330" sldId="261"/>
        </pc:sldMkLst>
        <pc:spChg chg="mod">
          <ac:chgData name="Nils Gaukroger" userId="727388e5a8f27050" providerId="LiveId" clId="{9F1C2850-5176-4A04-82CA-2D51DA803302}" dt="2021-09-05T12:27:07.687" v="30" actId="20577"/>
          <ac:spMkLst>
            <pc:docMk/>
            <pc:sldMk cId="2773662330" sldId="261"/>
            <ac:spMk id="4" creationId="{674358EA-4D5B-461F-997D-DE6729900DE7}"/>
          </ac:spMkLst>
        </pc:spChg>
      </pc:sldChg>
      <pc:sldChg chg="modSp mod">
        <pc:chgData name="Nils Gaukroger" userId="727388e5a8f27050" providerId="LiveId" clId="{9F1C2850-5176-4A04-82CA-2D51DA803302}" dt="2021-09-05T12:52:51.581" v="774" actId="20577"/>
        <pc:sldMkLst>
          <pc:docMk/>
          <pc:sldMk cId="1418997634" sldId="266"/>
        </pc:sldMkLst>
        <pc:spChg chg="mod">
          <ac:chgData name="Nils Gaukroger" userId="727388e5a8f27050" providerId="LiveId" clId="{9F1C2850-5176-4A04-82CA-2D51DA803302}" dt="2021-09-05T12:42:54.432" v="188" actId="20577"/>
          <ac:spMkLst>
            <pc:docMk/>
            <pc:sldMk cId="1418997634" sldId="266"/>
            <ac:spMk id="7" creationId="{00000000-0000-0000-0000-000000000000}"/>
          </ac:spMkLst>
        </pc:spChg>
        <pc:spChg chg="mod">
          <ac:chgData name="Nils Gaukroger" userId="727388e5a8f27050" providerId="LiveId" clId="{9F1C2850-5176-4A04-82CA-2D51DA803302}" dt="2021-09-05T12:52:51.581" v="774" actId="20577"/>
          <ac:spMkLst>
            <pc:docMk/>
            <pc:sldMk cId="1418997634" sldId="266"/>
            <ac:spMk id="8" creationId="{00000000-0000-0000-0000-000000000000}"/>
          </ac:spMkLst>
        </pc:spChg>
      </pc:sldChg>
      <pc:sldChg chg="del">
        <pc:chgData name="Nils Gaukroger" userId="727388e5a8f27050" providerId="LiveId" clId="{9F1C2850-5176-4A04-82CA-2D51DA803302}" dt="2021-09-05T12:35:58.637" v="70" actId="47"/>
        <pc:sldMkLst>
          <pc:docMk/>
          <pc:sldMk cId="3007386926" sldId="267"/>
        </pc:sldMkLst>
      </pc:sldChg>
      <pc:sldChg chg="addSp delSp modSp new mod modNotesTx">
        <pc:chgData name="Nils Gaukroger" userId="727388e5a8f27050" providerId="LiveId" clId="{9F1C2850-5176-4A04-82CA-2D51DA803302}" dt="2021-09-05T12:49:07.917" v="369" actId="20577"/>
        <pc:sldMkLst>
          <pc:docMk/>
          <pc:sldMk cId="395046200" sldId="268"/>
        </pc:sldMkLst>
        <pc:spChg chg="mod">
          <ac:chgData name="Nils Gaukroger" userId="727388e5a8f27050" providerId="LiveId" clId="{9F1C2850-5176-4A04-82CA-2D51DA803302}" dt="2021-09-05T12:28:50.501" v="54" actId="20577"/>
          <ac:spMkLst>
            <pc:docMk/>
            <pc:sldMk cId="395046200" sldId="268"/>
            <ac:spMk id="2" creationId="{ECD75260-1F8A-49AF-94F6-31424AAF889D}"/>
          </ac:spMkLst>
        </pc:spChg>
        <pc:spChg chg="del mod">
          <ac:chgData name="Nils Gaukroger" userId="727388e5a8f27050" providerId="LiveId" clId="{9F1C2850-5176-4A04-82CA-2D51DA803302}" dt="2021-09-05T12:30:27.445" v="56" actId="22"/>
          <ac:spMkLst>
            <pc:docMk/>
            <pc:sldMk cId="395046200" sldId="268"/>
            <ac:spMk id="3" creationId="{C8320E31-52FD-4036-A9DA-76DA24DF1DF3}"/>
          </ac:spMkLst>
        </pc:spChg>
        <pc:spChg chg="add del mod">
          <ac:chgData name="Nils Gaukroger" userId="727388e5a8f27050" providerId="LiveId" clId="{9F1C2850-5176-4A04-82CA-2D51DA803302}" dt="2021-09-05T12:35:06.326" v="66" actId="22"/>
          <ac:spMkLst>
            <pc:docMk/>
            <pc:sldMk cId="395046200" sldId="268"/>
            <ac:spMk id="8" creationId="{C6128263-A4B4-4852-99C6-AFB9B030D6D1}"/>
          </ac:spMkLst>
        </pc:spChg>
        <pc:picChg chg="add del mod ord">
          <ac:chgData name="Nils Gaukroger" userId="727388e5a8f27050" providerId="LiveId" clId="{9F1C2850-5176-4A04-82CA-2D51DA803302}" dt="2021-09-05T12:34:43.391" v="65" actId="478"/>
          <ac:picMkLst>
            <pc:docMk/>
            <pc:sldMk cId="395046200" sldId="268"/>
            <ac:picMk id="7" creationId="{3CA2A2FA-8F66-4208-B49D-FD5DEA3EF438}"/>
          </ac:picMkLst>
        </pc:picChg>
        <pc:picChg chg="add mod ord">
          <ac:chgData name="Nils Gaukroger" userId="727388e5a8f27050" providerId="LiveId" clId="{9F1C2850-5176-4A04-82CA-2D51DA803302}" dt="2021-09-05T12:37:19.301" v="113" actId="1076"/>
          <ac:picMkLst>
            <pc:docMk/>
            <pc:sldMk cId="395046200" sldId="268"/>
            <ac:picMk id="10" creationId="{742F459D-3752-44E8-A225-4AD72B081696}"/>
          </ac:picMkLst>
        </pc:picChg>
      </pc:sldChg>
      <pc:sldChg chg="addSp delSp modSp new mod modNotesTx">
        <pc:chgData name="Nils Gaukroger" userId="727388e5a8f27050" providerId="LiveId" clId="{9F1C2850-5176-4A04-82CA-2D51DA803302}" dt="2021-09-05T12:49:13.741" v="380" actId="20577"/>
        <pc:sldMkLst>
          <pc:docMk/>
          <pc:sldMk cId="215982513" sldId="269"/>
        </pc:sldMkLst>
        <pc:spChg chg="mod">
          <ac:chgData name="Nils Gaukroger" userId="727388e5a8f27050" providerId="LiveId" clId="{9F1C2850-5176-4A04-82CA-2D51DA803302}" dt="2021-09-05T12:36:18.142" v="104" actId="20577"/>
          <ac:spMkLst>
            <pc:docMk/>
            <pc:sldMk cId="215982513" sldId="269"/>
            <ac:spMk id="2" creationId="{892E908E-20F0-4B4D-A1F4-47486B91C590}"/>
          </ac:spMkLst>
        </pc:spChg>
        <pc:spChg chg="del mod">
          <ac:chgData name="Nils Gaukroger" userId="727388e5a8f27050" providerId="LiveId" clId="{9F1C2850-5176-4A04-82CA-2D51DA803302}" dt="2021-09-05T12:36:50.736" v="106" actId="22"/>
          <ac:spMkLst>
            <pc:docMk/>
            <pc:sldMk cId="215982513" sldId="269"/>
            <ac:spMk id="3" creationId="{2D2FE93B-34D0-4CDB-840C-BD764EE2D260}"/>
          </ac:spMkLst>
        </pc:spChg>
        <pc:picChg chg="add mod ord">
          <ac:chgData name="Nils Gaukroger" userId="727388e5a8f27050" providerId="LiveId" clId="{9F1C2850-5176-4A04-82CA-2D51DA803302}" dt="2021-09-05T12:37:10.340" v="111" actId="1076"/>
          <ac:picMkLst>
            <pc:docMk/>
            <pc:sldMk cId="215982513" sldId="269"/>
            <ac:picMk id="7" creationId="{188AAB4D-2D53-42A8-867C-7B0DC48811AB}"/>
          </ac:picMkLst>
        </pc:picChg>
      </pc:sldChg>
      <pc:sldChg chg="addSp delSp modSp new mod modNotesTx">
        <pc:chgData name="Nils Gaukroger" userId="727388e5a8f27050" providerId="LiveId" clId="{9F1C2850-5176-4A04-82CA-2D51DA803302}" dt="2021-09-05T12:49:17.453" v="384" actId="20577"/>
        <pc:sldMkLst>
          <pc:docMk/>
          <pc:sldMk cId="1679901684" sldId="270"/>
        </pc:sldMkLst>
        <pc:spChg chg="mod">
          <ac:chgData name="Nils Gaukroger" userId="727388e5a8f27050" providerId="LiveId" clId="{9F1C2850-5176-4A04-82CA-2D51DA803302}" dt="2021-09-05T12:37:36.974" v="115"/>
          <ac:spMkLst>
            <pc:docMk/>
            <pc:sldMk cId="1679901684" sldId="270"/>
            <ac:spMk id="2" creationId="{67163D8B-E5EB-4A08-868A-1B4D0282F3ED}"/>
          </ac:spMkLst>
        </pc:spChg>
        <pc:spChg chg="del mod">
          <ac:chgData name="Nils Gaukroger" userId="727388e5a8f27050" providerId="LiveId" clId="{9F1C2850-5176-4A04-82CA-2D51DA803302}" dt="2021-09-05T12:38:02.997" v="117" actId="22"/>
          <ac:spMkLst>
            <pc:docMk/>
            <pc:sldMk cId="1679901684" sldId="270"/>
            <ac:spMk id="3" creationId="{C410BE26-B6D2-44D4-8101-264543687316}"/>
          </ac:spMkLst>
        </pc:spChg>
        <pc:spChg chg="add del mod">
          <ac:chgData name="Nils Gaukroger" userId="727388e5a8f27050" providerId="LiveId" clId="{9F1C2850-5176-4A04-82CA-2D51DA803302}" dt="2021-09-05T12:40:33.373" v="129" actId="22"/>
          <ac:spMkLst>
            <pc:docMk/>
            <pc:sldMk cId="1679901684" sldId="270"/>
            <ac:spMk id="10" creationId="{5ACD2821-9DF8-43B2-B3D3-961D9F7C6269}"/>
          </ac:spMkLst>
        </pc:spChg>
        <pc:picChg chg="add del mod ord">
          <ac:chgData name="Nils Gaukroger" userId="727388e5a8f27050" providerId="LiveId" clId="{9F1C2850-5176-4A04-82CA-2D51DA803302}" dt="2021-09-05T12:40:28.621" v="127" actId="478"/>
          <ac:picMkLst>
            <pc:docMk/>
            <pc:sldMk cId="1679901684" sldId="270"/>
            <ac:picMk id="7" creationId="{B838CFBA-8346-4EE6-B7C1-4703A08BF9FA}"/>
          </ac:picMkLst>
        </pc:picChg>
        <pc:picChg chg="add del mod">
          <ac:chgData name="Nils Gaukroger" userId="727388e5a8f27050" providerId="LiveId" clId="{9F1C2850-5176-4A04-82CA-2D51DA803302}" dt="2021-09-05T12:40:32.014" v="128" actId="478"/>
          <ac:picMkLst>
            <pc:docMk/>
            <pc:sldMk cId="1679901684" sldId="270"/>
            <ac:picMk id="9" creationId="{978D4629-490F-47C2-A593-5D2EA22DB043}"/>
          </ac:picMkLst>
        </pc:picChg>
        <pc:picChg chg="add mod ord">
          <ac:chgData name="Nils Gaukroger" userId="727388e5a8f27050" providerId="LiveId" clId="{9F1C2850-5176-4A04-82CA-2D51DA803302}" dt="2021-09-05T12:41:08.380" v="136" actId="1076"/>
          <ac:picMkLst>
            <pc:docMk/>
            <pc:sldMk cId="1679901684" sldId="270"/>
            <ac:picMk id="12" creationId="{09295F9D-999C-492C-85D8-8EAB835BDE55}"/>
          </ac:picMkLst>
        </pc:picChg>
      </pc:sldChg>
      <pc:sldChg chg="addSp delSp modSp new mod modNotesTx">
        <pc:chgData name="Nils Gaukroger" userId="727388e5a8f27050" providerId="LiveId" clId="{9F1C2850-5176-4A04-82CA-2D51DA803302}" dt="2021-09-05T12:49:33.237" v="388" actId="20577"/>
        <pc:sldMkLst>
          <pc:docMk/>
          <pc:sldMk cId="2371603624" sldId="271"/>
        </pc:sldMkLst>
        <pc:spChg chg="mod">
          <ac:chgData name="Nils Gaukroger" userId="727388e5a8f27050" providerId="LiveId" clId="{9F1C2850-5176-4A04-82CA-2D51DA803302}" dt="2021-09-05T12:42:25.134" v="182" actId="20577"/>
          <ac:spMkLst>
            <pc:docMk/>
            <pc:sldMk cId="2371603624" sldId="271"/>
            <ac:spMk id="2" creationId="{94D5EDCA-054B-4525-A593-EBF12BCF29A3}"/>
          </ac:spMkLst>
        </pc:spChg>
        <pc:spChg chg="del mod">
          <ac:chgData name="Nils Gaukroger" userId="727388e5a8f27050" providerId="LiveId" clId="{9F1C2850-5176-4A04-82CA-2D51DA803302}" dt="2021-09-05T12:42:10.932" v="147" actId="22"/>
          <ac:spMkLst>
            <pc:docMk/>
            <pc:sldMk cId="2371603624" sldId="271"/>
            <ac:spMk id="3" creationId="{E11EF9C5-5709-4BF7-9230-3F799F7ADAC1}"/>
          </ac:spMkLst>
        </pc:spChg>
        <pc:spChg chg="add del mod">
          <ac:chgData name="Nils Gaukroger" userId="727388e5a8f27050" providerId="LiveId" clId="{9F1C2850-5176-4A04-82CA-2D51DA803302}" dt="2021-09-05T12:46:32.290" v="242" actId="22"/>
          <ac:spMkLst>
            <pc:docMk/>
            <pc:sldMk cId="2371603624" sldId="271"/>
            <ac:spMk id="8" creationId="{5438389C-7309-4308-BD86-76A3E84FECDF}"/>
          </ac:spMkLst>
        </pc:spChg>
        <pc:spChg chg="add del mod">
          <ac:chgData name="Nils Gaukroger" userId="727388e5a8f27050" providerId="LiveId" clId="{9F1C2850-5176-4A04-82CA-2D51DA803302}" dt="2021-09-05T12:48:43.965" v="312" actId="478"/>
          <ac:spMkLst>
            <pc:docMk/>
            <pc:sldMk cId="2371603624" sldId="271"/>
            <ac:spMk id="11" creationId="{56D45068-5C53-4380-999C-B53C9402BB02}"/>
          </ac:spMkLst>
        </pc:spChg>
        <pc:spChg chg="add mod">
          <ac:chgData name="Nils Gaukroger" userId="727388e5a8f27050" providerId="LiveId" clId="{9F1C2850-5176-4A04-82CA-2D51DA803302}" dt="2021-09-05T12:48:55.725" v="365" actId="20577"/>
          <ac:spMkLst>
            <pc:docMk/>
            <pc:sldMk cId="2371603624" sldId="271"/>
            <ac:spMk id="12" creationId="{8D5DFCA7-0EA5-4317-A5BA-86107E168805}"/>
          </ac:spMkLst>
        </pc:spChg>
        <pc:picChg chg="add del mod ord">
          <ac:chgData name="Nils Gaukroger" userId="727388e5a8f27050" providerId="LiveId" clId="{9F1C2850-5176-4A04-82CA-2D51DA803302}" dt="2021-09-05T12:46:30.286" v="240" actId="478"/>
          <ac:picMkLst>
            <pc:docMk/>
            <pc:sldMk cId="2371603624" sldId="271"/>
            <ac:picMk id="7" creationId="{B3E3C407-AE58-4CD8-8CD8-9FE1D6758D87}"/>
          </ac:picMkLst>
        </pc:picChg>
        <pc:picChg chg="add del mod ord">
          <ac:chgData name="Nils Gaukroger" userId="727388e5a8f27050" providerId="LiveId" clId="{9F1C2850-5176-4A04-82CA-2D51DA803302}" dt="2021-09-05T12:48:44.757" v="313" actId="478"/>
          <ac:picMkLst>
            <pc:docMk/>
            <pc:sldMk cId="2371603624" sldId="271"/>
            <ac:picMk id="10" creationId="{B4123AE8-6E42-4549-9D61-477BA98F63E1}"/>
          </ac:picMkLst>
        </pc:picChg>
      </pc:sldChg>
      <pc:sldChg chg="addSp delSp modSp new mod modNotesTx">
        <pc:chgData name="Nils Gaukroger" userId="727388e5a8f27050" providerId="LiveId" clId="{9F1C2850-5176-4A04-82CA-2D51DA803302}" dt="2021-09-05T12:49:36.173" v="392" actId="20577"/>
        <pc:sldMkLst>
          <pc:docMk/>
          <pc:sldMk cId="1708751618" sldId="272"/>
        </pc:sldMkLst>
        <pc:spChg chg="mod">
          <ac:chgData name="Nils Gaukroger" userId="727388e5a8f27050" providerId="LiveId" clId="{9F1C2850-5176-4A04-82CA-2D51DA803302}" dt="2021-09-05T12:43:38.534" v="231" actId="20577"/>
          <ac:spMkLst>
            <pc:docMk/>
            <pc:sldMk cId="1708751618" sldId="272"/>
            <ac:spMk id="2" creationId="{480E410C-DE51-4F61-8623-5047E77E9C41}"/>
          </ac:spMkLst>
        </pc:spChg>
        <pc:spChg chg="del mod">
          <ac:chgData name="Nils Gaukroger" userId="727388e5a8f27050" providerId="LiveId" clId="{9F1C2850-5176-4A04-82CA-2D51DA803302}" dt="2021-09-05T12:43:59.925" v="233" actId="22"/>
          <ac:spMkLst>
            <pc:docMk/>
            <pc:sldMk cId="1708751618" sldId="272"/>
            <ac:spMk id="3" creationId="{4A8CFC0C-5DD0-44EF-8C1E-C1B85236F553}"/>
          </ac:spMkLst>
        </pc:spChg>
        <pc:spChg chg="add del mod">
          <ac:chgData name="Nils Gaukroger" userId="727388e5a8f27050" providerId="LiveId" clId="{9F1C2850-5176-4A04-82CA-2D51DA803302}" dt="2021-09-05T12:47:31.141" v="249" actId="22"/>
          <ac:spMkLst>
            <pc:docMk/>
            <pc:sldMk cId="1708751618" sldId="272"/>
            <ac:spMk id="8" creationId="{12706A64-C51D-4E02-B570-6CBA30739759}"/>
          </ac:spMkLst>
        </pc:spChg>
        <pc:picChg chg="add del mod ord">
          <ac:chgData name="Nils Gaukroger" userId="727388e5a8f27050" providerId="LiveId" clId="{9F1C2850-5176-4A04-82CA-2D51DA803302}" dt="2021-09-05T12:47:29.012" v="247" actId="478"/>
          <ac:picMkLst>
            <pc:docMk/>
            <pc:sldMk cId="1708751618" sldId="272"/>
            <ac:picMk id="7" creationId="{FC2C502B-FA3D-4DF7-A2E8-4A4F4A0C8723}"/>
          </ac:picMkLst>
        </pc:picChg>
        <pc:picChg chg="add mod ord">
          <ac:chgData name="Nils Gaukroger" userId="727388e5a8f27050" providerId="LiveId" clId="{9F1C2850-5176-4A04-82CA-2D51DA803302}" dt="2021-09-05T12:48:10.101" v="257" actId="1076"/>
          <ac:picMkLst>
            <pc:docMk/>
            <pc:sldMk cId="1708751618" sldId="272"/>
            <ac:picMk id="10" creationId="{804ADF25-C275-40FE-8C56-E1BCD77C5095}"/>
          </ac:picMkLst>
        </pc:picChg>
      </pc:sldChg>
      <pc:sldChg chg="modSp new mod modNotesTx">
        <pc:chgData name="Nils Gaukroger" userId="727388e5a8f27050" providerId="LiveId" clId="{9F1C2850-5176-4A04-82CA-2D51DA803302}" dt="2021-09-05T12:49:40.541" v="396" actId="20577"/>
        <pc:sldMkLst>
          <pc:docMk/>
          <pc:sldMk cId="2615877494" sldId="273"/>
        </pc:sldMkLst>
        <pc:spChg chg="mod">
          <ac:chgData name="Nils Gaukroger" userId="727388e5a8f27050" providerId="LiveId" clId="{9F1C2850-5176-4A04-82CA-2D51DA803302}" dt="2021-09-05T12:47:02.188" v="246"/>
          <ac:spMkLst>
            <pc:docMk/>
            <pc:sldMk cId="2615877494" sldId="273"/>
            <ac:spMk id="2" creationId="{5F524DCF-6A59-4D09-9F2D-C8E0A09CCB48}"/>
          </ac:spMkLst>
        </pc:spChg>
        <pc:spChg chg="mod">
          <ac:chgData name="Nils Gaukroger" userId="727388e5a8f27050" providerId="LiveId" clId="{9F1C2850-5176-4A04-82CA-2D51DA803302}" dt="2021-09-05T12:48:24.110" v="282" actId="20577"/>
          <ac:spMkLst>
            <pc:docMk/>
            <pc:sldMk cId="2615877494" sldId="273"/>
            <ac:spMk id="3" creationId="{55EC5E4E-6205-4950-A159-ECAB95CF71DC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Nil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6682979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Eduardo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0505232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Nic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4340589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tef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610832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Nil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7902663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Nil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333884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a5b81585-9d7b-477c-83d2-a00daec75025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46320 - Loads, Aerodynamics</a:t>
            </a:r>
            <a:r>
              <a:rPr lang="en-GB" sz="700" b="1" baseline="0" dirty="0">
                <a:solidFill>
                  <a:schemeClr val="bg1"/>
                </a:solidFill>
                <a:latin typeface="+mn-lt"/>
              </a:rPr>
              <a:t> and Control of </a:t>
            </a:r>
            <a:r>
              <a:rPr lang="en-GB" sz="700" b="1" baseline="0">
                <a:solidFill>
                  <a:schemeClr val="bg1"/>
                </a:solidFill>
                <a:latin typeface="+mn-lt"/>
              </a:rPr>
              <a:t>Wind Turbines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b0061c55-c395-4a8d-a0eb-5b48ed11c2a6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fld id="{89E20762-89B0-4E61-A5C8-B9BC7A635DFD}" type="datetime4">
              <a:rPr kumimoji="0" lang="en-GB" sz="700" b="1" i="0" u="none" strike="noStrike" cap="none" normalizeH="0" baseline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5 September 2021</a:t>
            </a:fld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dabd038d-fc80-4f7a-9347-fb691d21a9fa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Roboto" panose="02000000000000000000" pitchFamily="2" charset="0"/>
          <a:ea typeface="Roboto" panose="02000000000000000000" pitchFamily="2" charset="0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20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2708920"/>
            <a:ext cx="10840028" cy="2232248"/>
          </a:xfrm>
        </p:spPr>
        <p:txBody>
          <a:bodyPr/>
          <a:lstStyle/>
          <a:p>
            <a:r>
              <a:rPr lang="en-GB" sz="7200" dirty="0"/>
              <a:t>Assignment 0</a:t>
            </a:r>
            <a:br>
              <a:rPr lang="en-GB" sz="7200" dirty="0"/>
            </a:br>
            <a:r>
              <a:rPr lang="en-GB" sz="6000" b="0" dirty="0"/>
              <a:t>The DTU 10MW and HAWC2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7366233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idefod 3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7" name="Titel 1"/>
          <p:cNvSpPr txBox="1">
            <a:spLocks/>
          </p:cNvSpPr>
          <p:nvPr/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Roboto" panose="02000000000000000000" pitchFamily="2" charset="0"/>
                <a:ea typeface="Roboto" panose="02000000000000000000" pitchFamily="2" charset="0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sz="3000" kern="0" dirty="0"/>
              <a:t>Group 8 work distribution.</a:t>
            </a:r>
            <a:endParaRPr lang="en-US" sz="3000" kern="0" dirty="0"/>
          </a:p>
        </p:txBody>
      </p:sp>
      <p:sp>
        <p:nvSpPr>
          <p:cNvPr id="8" name="Pladsholder til indhold 2"/>
          <p:cNvSpPr txBox="1">
            <a:spLocks/>
          </p:cNvSpPr>
          <p:nvPr/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Roboto" panose="02000000000000000000" pitchFamily="2" charset="0"/>
                <a:ea typeface="Roboto" panose="02000000000000000000" pitchFamily="2" charset="0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sz="2000" kern="0" dirty="0"/>
              <a:t>All group members ran calculations separately and cross-checked results, discussing any discrepancies.</a:t>
            </a:r>
          </a:p>
          <a:p>
            <a:endParaRPr lang="en-US" sz="2000" kern="0" dirty="0"/>
          </a:p>
          <a:p>
            <a:r>
              <a:rPr lang="en-US" sz="2000" kern="0" dirty="0"/>
              <a:t>Presentation was split up as follows:</a:t>
            </a:r>
          </a:p>
          <a:p>
            <a:r>
              <a:rPr lang="en-US" sz="2000" kern="0" dirty="0"/>
              <a:t>Figure 1: Nils</a:t>
            </a:r>
          </a:p>
          <a:p>
            <a:r>
              <a:rPr lang="en-US" sz="2000" kern="0" dirty="0"/>
              <a:t>Figure 2: Eduardo</a:t>
            </a:r>
          </a:p>
          <a:p>
            <a:r>
              <a:rPr lang="en-US" sz="2000" kern="0" dirty="0"/>
              <a:t>Figure 3: Nick</a:t>
            </a:r>
          </a:p>
          <a:p>
            <a:r>
              <a:rPr lang="en-US" sz="2000" kern="0" dirty="0"/>
              <a:t>Figure 4: Stef</a:t>
            </a:r>
          </a:p>
          <a:p>
            <a:endParaRPr lang="en-US" sz="2000" kern="0" dirty="0"/>
          </a:p>
          <a:p>
            <a:r>
              <a:rPr lang="en-US" sz="2000" kern="0" dirty="0"/>
              <a:t>All group members discussed scripts before presenting.</a:t>
            </a:r>
          </a:p>
        </p:txBody>
      </p:sp>
    </p:spTree>
    <p:extLst>
      <p:ext uri="{BB962C8B-B14F-4D97-AF65-F5344CB8AC3E}">
        <p14:creationId xmlns:p14="http://schemas.microsoft.com/office/powerpoint/2010/main" val="141899763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D75260-1F8A-49AF-94F6-31424AAF88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art 1: Spanwise valu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6399410-79C3-4DB3-8545-A988F7EEA74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11518B-5A46-4766-ADD0-EA8B8D15215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10" name="Content Placeholder 9">
            <a:extLst>
              <a:ext uri="{FF2B5EF4-FFF2-40B4-BE49-F238E27FC236}">
                <a16:creationId xmlns:a16="http://schemas.microsoft.com/office/drawing/2014/main" id="{742F459D-3752-44E8-A225-4AD72B08169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2048554" y="1628800"/>
            <a:ext cx="8093304" cy="4803073"/>
          </a:xfrm>
        </p:spPr>
      </p:pic>
    </p:spTree>
    <p:extLst>
      <p:ext uri="{BB962C8B-B14F-4D97-AF65-F5344CB8AC3E}">
        <p14:creationId xmlns:p14="http://schemas.microsoft.com/office/powerpoint/2010/main" val="39504620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2E908E-20F0-4B4D-A1F4-47486B91C5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art 2: Multiple TSR values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88AAB4D-2D53-42A8-867C-7B0DC48811A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2292145" y="1398843"/>
            <a:ext cx="7606122" cy="5070748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4A34C69-951A-46EF-8EF4-9CAD775349B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7551D3A-8725-4D68-B772-E72677D9476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98251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163D8B-E5EB-4A08-868A-1B4D0282F3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art 2: Multiple TSR valu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3A9D933-6582-4189-A05E-42FF49753E6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F0F2F85-92AF-4100-A817-91A50192D49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12" name="Content Placeholder 11">
            <a:extLst>
              <a:ext uri="{FF2B5EF4-FFF2-40B4-BE49-F238E27FC236}">
                <a16:creationId xmlns:a16="http://schemas.microsoft.com/office/drawing/2014/main" id="{09295F9D-999C-492C-85D8-8EAB835BDE5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2023480" y="1599648"/>
            <a:ext cx="8143451" cy="4802400"/>
          </a:xfrm>
        </p:spPr>
      </p:pic>
    </p:spTree>
    <p:extLst>
      <p:ext uri="{BB962C8B-B14F-4D97-AF65-F5344CB8AC3E}">
        <p14:creationId xmlns:p14="http://schemas.microsoft.com/office/powerpoint/2010/main" val="167990168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D5EDCA-054B-4525-A593-EBF12BCF29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art 3: Chord, twist, and thicknes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86AC975-A7C4-4AE8-84D5-5A4EAECB2D6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A53C9CD-8D45-422F-8971-B1A6E851B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8D5DFCA7-0EA5-4317-A5BA-86107E16880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hord, twist, and thickness plot</a:t>
            </a:r>
          </a:p>
        </p:txBody>
      </p:sp>
    </p:spTree>
    <p:extLst>
      <p:ext uri="{BB962C8B-B14F-4D97-AF65-F5344CB8AC3E}">
        <p14:creationId xmlns:p14="http://schemas.microsoft.com/office/powerpoint/2010/main" val="237160362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0E410C-DE51-4F61-8623-5047E77E9C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onus level: Investigate flexibility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5B4DEC-CA24-4115-992F-DC542E49059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859195-629F-4BB2-AA79-7E81998902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10" name="Content Placeholder 9">
            <a:extLst>
              <a:ext uri="{FF2B5EF4-FFF2-40B4-BE49-F238E27FC236}">
                <a16:creationId xmlns:a16="http://schemas.microsoft.com/office/drawing/2014/main" id="{804ADF25-C275-40FE-8C56-E1BCD77C509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2125521" y="1570636"/>
            <a:ext cx="7939370" cy="4970564"/>
          </a:xfrm>
        </p:spPr>
      </p:pic>
    </p:spTree>
    <p:extLst>
      <p:ext uri="{BB962C8B-B14F-4D97-AF65-F5344CB8AC3E}">
        <p14:creationId xmlns:p14="http://schemas.microsoft.com/office/powerpoint/2010/main" val="170875161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524DCF-6A59-4D09-9F2D-C8E0A09CCB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onus level: Investigate flexibilit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5EC5E4E-6205-4950-A159-ECAB95CF71D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Power and thrust curv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9265066-B4B2-45FB-A06C-96A21594F85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D34DEB9-FF22-4CF8-A09D-B053BAACE0B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587749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Appendix</a:t>
            </a:r>
            <a:endParaRPr lang="en-US" b="0" dirty="0"/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963721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sert other figures/tables here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6365128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4FDD70D79269844AB52339BF35537CEE" ma:contentTypeVersion="13" ma:contentTypeDescription="Opret et nyt dokument." ma:contentTypeScope="" ma:versionID="adae411af33d13b99280f4122a2c12c4">
  <xsd:schema xmlns:xsd="http://www.w3.org/2001/XMLSchema" xmlns:xs="http://www.w3.org/2001/XMLSchema" xmlns:p="http://schemas.microsoft.com/office/2006/metadata/properties" xmlns:ns3="5fd9cd3c-8d4e-49e5-bc79-994adc47be3d" xmlns:ns4="39c6daa1-f296-47c4-a8b6-875559c3b9fc" targetNamespace="http://schemas.microsoft.com/office/2006/metadata/properties" ma:root="true" ma:fieldsID="2db7355a21e0fab72880b7e9fbe7068c" ns3:_="" ns4:_="">
    <xsd:import namespace="5fd9cd3c-8d4e-49e5-bc79-994adc47be3d"/>
    <xsd:import namespace="39c6daa1-f296-47c4-a8b6-875559c3b9fc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fd9cd3c-8d4e-49e5-bc79-994adc47be3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20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c6daa1-f296-47c4-a8b6-875559c3b9fc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8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64369972556417","enableDocumentContentUpdater":true,"version":"1.2"}]]></TemplafySlideTemplate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a5b81585-9d7b-477c-83d2-a00daec75025","elementConfiguration":{"binding":"UserProfile.Offices.Workarea_{{DocumentLanguage}}","disableUpdates":false,"type":"text"}},{"type":"shape","id":"b0061c55-c395-4a8d-a0eb-5b48ed11c2a6","elementConfiguration":{"binding":"Form.Date","format":"{{DateFormats.GeneralDate}}","disableUpdates":false,"type":"date"}},{"type":"shape","id":"dabd038d-fc80-4f7a-9347-fb691d21a9fa","elementConfiguration":{"binding":"Form.PresentationTitle","disableUpdates":false,"type":"text"}}],"transformationConfigurations":[{"language":"{{DocumentLanguage}}","disableUpdates":false,"type":"proofingLanguage"}],"templateName":"DTU Template 16_9 - Green","templateDescription":"","enableDocumentContentUpdater":true,"version":"1.2"}]]></TemplafyTemplateConfiguration>
</file>

<file path=customXml/item7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dObUPSd4QkOzivDPa2Gipw=="}]}]]></Templafy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B09AA39-5138-4AD6-93C7-3E7C908503C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fd9cd3c-8d4e-49e5-bc79-994adc47be3d"/>
    <ds:schemaRef ds:uri="39c6daa1-f296-47c4-a8b6-875559c3b9f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AB68ABBB-8CE7-4AFC-9F98-438C1775238D}">
  <ds:schemaRefs/>
</ds:datastoreItem>
</file>

<file path=customXml/itemProps11.xml><?xml version="1.0" encoding="utf-8"?>
<ds:datastoreItem xmlns:ds="http://schemas.openxmlformats.org/officeDocument/2006/customXml" ds:itemID="{2EC7F700-61ED-4B80-87B6-9BB5615B6931}">
  <ds:schemaRefs/>
</ds:datastoreItem>
</file>

<file path=customXml/itemProps2.xml><?xml version="1.0" encoding="utf-8"?>
<ds:datastoreItem xmlns:ds="http://schemas.openxmlformats.org/officeDocument/2006/customXml" ds:itemID="{578C9B5F-4910-4F9C-A066-DA694738FA84}">
  <ds:schemaRefs>
    <ds:schemaRef ds:uri="http://purl.org/dc/terms/"/>
    <ds:schemaRef ds:uri="5fd9cd3c-8d4e-49e5-bc79-994adc47be3d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39c6daa1-f296-47c4-a8b6-875559c3b9fc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422E078D-F3C6-43D1-9F4A-CC93FA330CC7}">
  <ds:schemaRefs/>
</ds:datastoreItem>
</file>

<file path=customXml/itemProps4.xml><?xml version="1.0" encoding="utf-8"?>
<ds:datastoreItem xmlns:ds="http://schemas.openxmlformats.org/officeDocument/2006/customXml" ds:itemID="{9A75AE2F-93CA-4972-86BB-29AB79ACCA1E}">
  <ds:schemaRefs/>
</ds:datastoreItem>
</file>

<file path=customXml/itemProps5.xml><?xml version="1.0" encoding="utf-8"?>
<ds:datastoreItem xmlns:ds="http://schemas.openxmlformats.org/officeDocument/2006/customXml" ds:itemID="{A41C4FCC-FE53-49E7-9F37-E29C7960942C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customXml/itemProps7.xml><?xml version="1.0" encoding="utf-8"?>
<ds:datastoreItem xmlns:ds="http://schemas.openxmlformats.org/officeDocument/2006/customXml" ds:itemID="{ABF51F55-B004-46D7-A679-5A180B2299D4}">
  <ds:schemaRefs/>
</ds:datastoreItem>
</file>

<file path=customXml/itemProps8.xml><?xml version="1.0" encoding="utf-8"?>
<ds:datastoreItem xmlns:ds="http://schemas.openxmlformats.org/officeDocument/2006/customXml" ds:itemID="{0310B6B1-33AF-4176-9BD1-2597C14A154E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40BF509C-78FA-46F5-B5D7-7488E351E3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77</TotalTime>
  <Words>134</Words>
  <Application>Microsoft Office PowerPoint</Application>
  <PresentationFormat>Custom</PresentationFormat>
  <Paragraphs>43</Paragraphs>
  <Slides>10</Slides>
  <Notes>6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4" baseType="lpstr">
      <vt:lpstr>Arial</vt:lpstr>
      <vt:lpstr>Roboto</vt:lpstr>
      <vt:lpstr>Verdana</vt:lpstr>
      <vt:lpstr>Blank</vt:lpstr>
      <vt:lpstr>Assignment 0 The DTU 10MW and HAWC2S</vt:lpstr>
      <vt:lpstr>Part 1: Spanwise values</vt:lpstr>
      <vt:lpstr>Part 2: Multiple TSR values</vt:lpstr>
      <vt:lpstr>Part 2: Multiple TSR values</vt:lpstr>
      <vt:lpstr>Part 3: Chord, twist, and thickness</vt:lpstr>
      <vt:lpstr>Bonus level: Investigate flexibility</vt:lpstr>
      <vt:lpstr>Bonus level: Investigate flexibility</vt:lpstr>
      <vt:lpstr>Appendix</vt:lpstr>
      <vt:lpstr>Insert other figures/tables here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ls Gaukroger</cp:lastModifiedBy>
  <cp:revision>99</cp:revision>
  <dcterms:created xsi:type="dcterms:W3CDTF">2017-07-31T08:31:56Z</dcterms:created>
  <dcterms:modified xsi:type="dcterms:W3CDTF">2021-09-05T12:53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6470381058133489</vt:lpwstr>
  </property>
  <property fmtid="{D5CDD505-2E9C-101B-9397-08002B2CF9AE}" pid="7" name="TemplafyLanguageCode">
    <vt:lpwstr>en-GB</vt:lpwstr>
  </property>
  <property fmtid="{D5CDD505-2E9C-101B-9397-08002B2CF9AE}" pid="8" name="ContentTypeId">
    <vt:lpwstr>0x0101004FDD70D79269844AB52339BF35537CEE</vt:lpwstr>
  </property>
</Properties>
</file>